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2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4FE5CA1-24A2-4DC5-BF38-363FCA97AD1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1C9FBFD3-44BE-49B1-948D-F0403AF6A5D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7FAD88E-7B9F-4703-9DD4-6399D53CEC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B6DC194-AB5D-4413-976C-1A5FBF8C1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7725D0E-AB07-4367-8F36-4CAFBAB1D9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642103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498757D-CA73-4ECF-9E8D-B7199501F3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A9DD9AFF-FF1B-4666-8E8B-72334076E7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9109248-F9DA-4969-B720-6C72DFA349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35F1F0E-806A-4002-B992-0B79D9E682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3896075-CE3D-4B7B-97C6-96BE7CEA17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45634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FCCF1E7D-593E-4001-A080-0CA2A78E9DA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6861D3CA-0C27-433E-9DED-197E623B9D3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AB974DB-4D0D-472A-81C6-2371C37CF7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0442E88-8F6C-4F1D-94A0-119FBFCBBD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174C41D-A487-45A1-8E34-928C4E2B09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98760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062E362-B531-4F58-A305-CB44389D00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14AB4F1-8E94-4290-92DF-FDC0D3C41F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394DED5-BD8F-46A9-9AF3-960D02FAE9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DD68541-10A1-4DA9-A299-61EA65B303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3AFEBD3-C31B-422F-B7DC-55E7F40B95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73626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B6967A5-8884-4CF1-9D13-42CF5883E2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13DF19D3-6A8C-4C59-A59E-2247112225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1E452A5-CDD1-4A07-B9E7-B785C12D37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8B707B4-268F-4824-8E84-68FDB6B4BB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CD56667-BC3A-4E2E-9654-1F1E3583C8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49425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3FF9970-C87A-4365-AF85-7B2E7F50C6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D28CA51-054F-4648-BCD7-617A82C7CA2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D20567E-8636-4F0F-B750-32455BEDD8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161B40B-12FA-4496-BB1E-28314814F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FCE9622-EBC5-4F3C-BEA5-90FC258C53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5D09655-4095-400E-B761-57A9C559E2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52987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AE539C-92E9-4A4F-A544-63CA984219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9DB8278-F899-4572-9BEA-7D37207E92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5306D7E-90A2-435F-BCF3-58ACE2AC28E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9EED6A5-1A70-4638-83BB-A2567975883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EB52F67E-6AD6-4054-89D8-8E7C61302E1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AFE05EC6-202F-4B61-9B05-75092D83AB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91F70362-9B48-4950-B252-742976D854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5DED9F3-4D80-46B9-AFAD-28E76FC2F0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71002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6BD9BE-509B-455F-B28C-B5EE835490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8F0DB1E-34DC-48F0-A6D7-E41C31DC3E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1CCDB254-164A-45E2-882D-E340B3C71F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1317186-C796-4737-A863-57FBC59525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43721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F9621CB9-1773-4140-9134-696EF446B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66550A8-4769-4ADE-B219-D7B3697836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8374422-CC9C-4092-BB8D-3CC8008E7F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6109606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17FFA18-EA2E-45BB-BA27-638A3A20E1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FDD2A8D-481E-4124-A018-D9DC2F3237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D7C90F1-EEF7-4452-935C-FB4C25EC947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098D354-1B64-4AA3-9463-88FCDA74A7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D4D3C31-A71B-43BB-A5AC-46AC68EC03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557A1375-9D6B-4127-A966-B86BED355F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98355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363C4B4-B6A7-48F1-AB35-841F6B15D8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5D7D8DE3-457C-4BD9-BE68-AC2B5919C23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06748242-7A47-4228-B798-01E59A16428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CC7F846-E5E5-4881-A8B0-E718C8B357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6F90B4E4-F5D9-47FB-B2F1-78A8E0F55D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75645CDB-1C2E-49E3-A4D6-8F6E8C1B9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093444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DB4BE1C3-E372-496E-B06C-0F3183DDEA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E9F595AF-C9DE-4780-BD3C-76230554E35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A87FAAA-8011-474E-9431-F7D1FEA6862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1731259-D141-4839-90D7-F080203605D1}" type="datetimeFigureOut">
              <a:rPr lang="en-GB" smtClean="0"/>
              <a:t>05/03/2021</a:t>
            </a:fld>
            <a:endParaRPr lang="en-GB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5756D43-08A9-4B1F-AE5C-93D3B83898E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4D3F238-DF79-4749-A856-55345CFFA8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54D94E-C53C-421C-8554-69693A8D97D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15653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3AFEC42-A275-43B3-9FA1-243E141C713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antt chart for AAPC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8529535A-D65F-4A6B-8431-003F9F0B137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Ander Hilmar Damm Andersen</a:t>
            </a:r>
          </a:p>
        </p:txBody>
      </p:sp>
    </p:spTree>
    <p:extLst>
      <p:ext uri="{BB962C8B-B14F-4D97-AF65-F5344CB8AC3E}">
        <p14:creationId xmlns:p14="http://schemas.microsoft.com/office/powerpoint/2010/main" val="26638214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_81ee3207eb1c447195ed9a02f58b24df_BackgroundRectangle">
            <a:extLst>
              <a:ext uri="{FF2B5EF4-FFF2-40B4-BE49-F238E27FC236}">
                <a16:creationId xmlns:a16="http://schemas.microsoft.com/office/drawing/2014/main" id="{C5050315-E89F-4ECA-BBA6-CC1F44B0D8B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84798" y="2708344"/>
            <a:ext cx="112903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SL_2ec1be2f666244f9a66e3acc697b9ebc_BackgroundRectangle">
            <a:extLst>
              <a:ext uri="{FF2B5EF4-FFF2-40B4-BE49-F238E27FC236}">
                <a16:creationId xmlns:a16="http://schemas.microsoft.com/office/drawing/2014/main" id="{AB8C3E11-41DF-4ABA-A936-A5D6CC234FE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84798" y="3252581"/>
            <a:ext cx="11290300" cy="48073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faa2c2560c714264853e67322ae0c403_BackgroundRectangle">
            <a:extLst>
              <a:ext uri="{FF2B5EF4-FFF2-40B4-BE49-F238E27FC236}">
                <a16:creationId xmlns:a16="http://schemas.microsoft.com/office/drawing/2014/main" id="{1EA86136-D266-4C08-B6E3-128878B5316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84798" y="3796818"/>
            <a:ext cx="11290300" cy="714756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_8fca3bda4e5d4840aba89e63a1dc7fed_BackgroundRectangle">
            <a:extLst>
              <a:ext uri="{FF2B5EF4-FFF2-40B4-BE49-F238E27FC236}">
                <a16:creationId xmlns:a16="http://schemas.microsoft.com/office/drawing/2014/main" id="{0967ACCD-0C4D-447B-906C-EBF326DBD5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84798" y="4575074"/>
            <a:ext cx="11290300" cy="48073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97D1675-C939-414A-8C3F-E39B2FD2205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1B91C9F-405C-42FB-BD8A-63BA6F5CBE8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595832" y="196789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47451A9-B6BE-4495-AD55-E16D0C71C3F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763" y="1980422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SL_81ee3207eb1c447195ed9a02f58b24df_HeaderRectangle">
            <a:extLst>
              <a:ext uri="{FF2B5EF4-FFF2-40B4-BE49-F238E27FC236}">
                <a16:creationId xmlns:a16="http://schemas.microsoft.com/office/drawing/2014/main" id="{29EF05D8-83E4-4E74-A18C-8AD74247351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84798" y="2708344"/>
            <a:ext cx="6604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2ec1be2f666244f9a66e3acc697b9ebc_HeaderRectangle">
            <a:extLst>
              <a:ext uri="{FF2B5EF4-FFF2-40B4-BE49-F238E27FC236}">
                <a16:creationId xmlns:a16="http://schemas.microsoft.com/office/drawing/2014/main" id="{6F82C64F-8593-4892-8F82-B5C9B90C130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84798" y="3252581"/>
            <a:ext cx="660400" cy="480737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faa2c2560c714264853e67322ae0c403_HeaderRectangle">
            <a:extLst>
              <a:ext uri="{FF2B5EF4-FFF2-40B4-BE49-F238E27FC236}">
                <a16:creationId xmlns:a16="http://schemas.microsoft.com/office/drawing/2014/main" id="{63038BF3-CC48-44F5-81DA-01B4A9B3C32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84798" y="3796818"/>
            <a:ext cx="660400" cy="714756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_8fca3bda4e5d4840aba89e63a1dc7fed_HeaderRectangle">
            <a:extLst>
              <a:ext uri="{FF2B5EF4-FFF2-40B4-BE49-F238E27FC236}">
                <a16:creationId xmlns:a16="http://schemas.microsoft.com/office/drawing/2014/main" id="{2595BC94-F477-49A5-A00C-B16929FA088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84798" y="4575074"/>
            <a:ext cx="660400" cy="480737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B4EEF4B4-F6AD-41FB-BF56-9867061F637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04840" y="2234422"/>
            <a:ext cx="0" cy="282139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D96A1DBD-0454-49BC-980B-1D8F4353B8F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929755" y="2234422"/>
            <a:ext cx="0" cy="2821390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beca7fdc1bd8449f85f97be2d80bfbe3_Shape">
            <a:extLst>
              <a:ext uri="{FF2B5EF4-FFF2-40B4-BE49-F238E27FC236}">
                <a16:creationId xmlns:a16="http://schemas.microsoft.com/office/drawing/2014/main" id="{EDA13D33-877D-4DB4-BE48-3F7CA6C8FF5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8255" y="2768203"/>
            <a:ext cx="1028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1d2fa9f49584e6e88db3ee52edd6148_Shape">
            <a:extLst>
              <a:ext uri="{FF2B5EF4-FFF2-40B4-BE49-F238E27FC236}">
                <a16:creationId xmlns:a16="http://schemas.microsoft.com/office/drawing/2014/main" id="{A2F1D4FD-0ED0-4C65-B1E0-4FC228860D1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22419" y="3002222"/>
            <a:ext cx="9144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0ec47fe11915469090e09ef73e391620_Shape">
            <a:extLst>
              <a:ext uri="{FF2B5EF4-FFF2-40B4-BE49-F238E27FC236}">
                <a16:creationId xmlns:a16="http://schemas.microsoft.com/office/drawing/2014/main" id="{D98DDBDF-BED5-4385-B85D-EFE79A7E1A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335729" y="3312440"/>
            <a:ext cx="9144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57cc251a1ef04d1190b4b1c7d974ea8c_Shape">
            <a:extLst>
              <a:ext uri="{FF2B5EF4-FFF2-40B4-BE49-F238E27FC236}">
                <a16:creationId xmlns:a16="http://schemas.microsoft.com/office/drawing/2014/main" id="{C92E6D91-3CFF-4CCB-B680-F3104130BC8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34876" y="3546459"/>
            <a:ext cx="1485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998959fa01fc4513ab2f1c2dbe5f780c_Shape">
            <a:extLst>
              <a:ext uri="{FF2B5EF4-FFF2-40B4-BE49-F238E27FC236}">
                <a16:creationId xmlns:a16="http://schemas.microsoft.com/office/drawing/2014/main" id="{BDAB3257-460E-4396-A4D6-58E81EC8B36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619005" y="3856678"/>
            <a:ext cx="19431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SLT_ad7eba8e9a6f44af97e1f87385f99c53_Shape">
            <a:extLst>
              <a:ext uri="{FF2B5EF4-FFF2-40B4-BE49-F238E27FC236}">
                <a16:creationId xmlns:a16="http://schemas.microsoft.com/office/drawing/2014/main" id="{450D6941-F2A8-46E0-971B-54DA202F23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559790" y="4090696"/>
            <a:ext cx="1257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SLT_1fea382a82ac47889057794cd104d10e_Shape">
            <a:extLst>
              <a:ext uri="{FF2B5EF4-FFF2-40B4-BE49-F238E27FC236}">
                <a16:creationId xmlns:a16="http://schemas.microsoft.com/office/drawing/2014/main" id="{A84689AE-8588-41B2-9FF5-002DF8FB906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701428" y="4324715"/>
            <a:ext cx="1257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T_3f5d1b0bf86244c28264cbffa85bde66_Shape">
            <a:extLst>
              <a:ext uri="{FF2B5EF4-FFF2-40B4-BE49-F238E27FC236}">
                <a16:creationId xmlns:a16="http://schemas.microsoft.com/office/drawing/2014/main" id="{9EAD732F-5D23-4449-968C-4EB6E51DC1C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815592" y="4634934"/>
            <a:ext cx="1143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0" name="OTLSHAPE_SLT_701be0e65bad40a3b93fe2c63bf43b1b_Shape">
            <a:extLst>
              <a:ext uri="{FF2B5EF4-FFF2-40B4-BE49-F238E27FC236}">
                <a16:creationId xmlns:a16="http://schemas.microsoft.com/office/drawing/2014/main" id="{429B9C95-E939-4F48-A835-2DEB94CE20F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354670" y="4868953"/>
            <a:ext cx="1143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73AFC84-0A00-427B-B8D6-3CAD678A09A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763" y="2183622"/>
            <a:ext cx="508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beca7fdc1bd8449f85f97be2d80bfbe3_ShapePercentage" hidden="1">
            <a:extLst>
              <a:ext uri="{FF2B5EF4-FFF2-40B4-BE49-F238E27FC236}">
                <a16:creationId xmlns:a16="http://schemas.microsoft.com/office/drawing/2014/main" id="{54AE31EE-8F0D-4E49-B6A3-305B7AC6120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1d2fa9f49584e6e88db3ee52edd6148_ShapePercentage" hidden="1">
            <a:extLst>
              <a:ext uri="{FF2B5EF4-FFF2-40B4-BE49-F238E27FC236}">
                <a16:creationId xmlns:a16="http://schemas.microsoft.com/office/drawing/2014/main" id="{9057FC89-EF95-4BF8-BA88-E47BB922F22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0ec47fe11915469090e09ef73e391620_ShapePercentage" hidden="1">
            <a:extLst>
              <a:ext uri="{FF2B5EF4-FFF2-40B4-BE49-F238E27FC236}">
                <a16:creationId xmlns:a16="http://schemas.microsoft.com/office/drawing/2014/main" id="{E6D056B9-6374-4568-A040-A4B12208BB3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57cc251a1ef04d1190b4b1c7d974ea8c_ShapePercentage" hidden="1">
            <a:extLst>
              <a:ext uri="{FF2B5EF4-FFF2-40B4-BE49-F238E27FC236}">
                <a16:creationId xmlns:a16="http://schemas.microsoft.com/office/drawing/2014/main" id="{2E2ADDFB-BFD4-4129-95DB-5787E96D6F5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998959fa01fc4513ab2f1c2dbe5f780c_ShapePercentage" hidden="1">
            <a:extLst>
              <a:ext uri="{FF2B5EF4-FFF2-40B4-BE49-F238E27FC236}">
                <a16:creationId xmlns:a16="http://schemas.microsoft.com/office/drawing/2014/main" id="{CA6DD900-979E-4BB4-A522-A1CA94E00D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T_ad7eba8e9a6f44af97e1f87385f99c53_ShapePercentage" hidden="1">
            <a:extLst>
              <a:ext uri="{FF2B5EF4-FFF2-40B4-BE49-F238E27FC236}">
                <a16:creationId xmlns:a16="http://schemas.microsoft.com/office/drawing/2014/main" id="{BC34CB5B-AA3B-4452-B7B6-5D3804B39E1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T_1fea382a82ac47889057794cd104d10e_ShapePercentage" hidden="1">
            <a:extLst>
              <a:ext uri="{FF2B5EF4-FFF2-40B4-BE49-F238E27FC236}">
                <a16:creationId xmlns:a16="http://schemas.microsoft.com/office/drawing/2014/main" id="{88010CA2-64FE-4F44-99CF-E098B90D955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T_3f5d1b0bf86244c28264cbffa85bde66_ShapePercentage" hidden="1">
            <a:extLst>
              <a:ext uri="{FF2B5EF4-FFF2-40B4-BE49-F238E27FC236}">
                <a16:creationId xmlns:a16="http://schemas.microsoft.com/office/drawing/2014/main" id="{203F59F4-A188-4675-9167-72655F1F584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" name="OTLSHAPE_SLT_701be0e65bad40a3b93fe2c63bf43b1b_ShapePercentage" hidden="1">
            <a:extLst>
              <a:ext uri="{FF2B5EF4-FFF2-40B4-BE49-F238E27FC236}">
                <a16:creationId xmlns:a16="http://schemas.microsoft.com/office/drawing/2014/main" id="{533FDE8D-B529-43C8-82A2-69C271F8D0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SL_81ee3207eb1c447195ed9a02f58b24df_Header">
            <a:extLst>
              <a:ext uri="{FF2B5EF4-FFF2-40B4-BE49-F238E27FC236}">
                <a16:creationId xmlns:a16="http://schemas.microsoft.com/office/drawing/2014/main" id="{E6B5B3E1-F540-422D-9E1E-ACA983E90A1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84798" y="2855685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61C23"/>
                </a:solidFill>
                <a:latin typeface="Calibri" panose="020F0502020204030204" pitchFamily="34" charset="0"/>
              </a:rPr>
              <a:t>2,3,4</a:t>
            </a:r>
          </a:p>
        </p:txBody>
      </p:sp>
      <p:sp>
        <p:nvSpPr>
          <p:cNvPr id="17" name="OTLSHAPE_SL_2ec1be2f666244f9a66e3acc697b9ebc_Header">
            <a:extLst>
              <a:ext uri="{FF2B5EF4-FFF2-40B4-BE49-F238E27FC236}">
                <a16:creationId xmlns:a16="http://schemas.microsoft.com/office/drawing/2014/main" id="{88C408CF-2EBE-4BA9-8B48-16DB4721A62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4798" y="339992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52542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0" name="OTLSHAPE_SL_faa2c2560c714264853e67322ae0c403_Header">
            <a:extLst>
              <a:ext uri="{FF2B5EF4-FFF2-40B4-BE49-F238E27FC236}">
                <a16:creationId xmlns:a16="http://schemas.microsoft.com/office/drawing/2014/main" id="{AB3F8CE3-C756-41AD-B026-1B022247912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84798" y="4061169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6,7,8</a:t>
            </a:r>
          </a:p>
        </p:txBody>
      </p:sp>
      <p:sp>
        <p:nvSpPr>
          <p:cNvPr id="23" name="OTLSHAPE_SL_8fca3bda4e5d4840aba89e63a1dc7fed_Header">
            <a:extLst>
              <a:ext uri="{FF2B5EF4-FFF2-40B4-BE49-F238E27FC236}">
                <a16:creationId xmlns:a16="http://schemas.microsoft.com/office/drawing/2014/main" id="{01639CF4-2B98-4CDF-8BC9-8E30A8CF561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4798" y="4722416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75367F1-3157-4C3B-A8E7-6871DC0A1CA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32437" y="2234422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DFA10C9-B9A6-497F-901A-8BCCF6491D4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88595" y="231908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B747550-DA08-4179-91BD-5653E5ED092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29263" y="2018522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28149AA8-012E-4786-989E-4DE7498A9B2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568342" y="2018522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B344E58-CE4C-4D3D-B96E-B59FF9F20C7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93255" y="2018522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TB_00000000000000000000000000000000_ScaleMarking1">
            <a:extLst>
              <a:ext uri="{FF2B5EF4-FFF2-40B4-BE49-F238E27FC236}">
                <a16:creationId xmlns:a16="http://schemas.microsoft.com/office/drawing/2014/main" id="{B910A886-7FB8-4013-9A48-4526CF70C98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29263" y="179436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8" name="OTLSHAPE_SLT_beca7fdc1bd8449f85f97be2d80bfbe3_Duration" hidden="1">
            <a:extLst>
              <a:ext uri="{FF2B5EF4-FFF2-40B4-BE49-F238E27FC236}">
                <a16:creationId xmlns:a16="http://schemas.microsoft.com/office/drawing/2014/main" id="{F508F5B2-0FE5-4129-A3BA-7D126BD48F3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beca7fdc1bd8449f85f97be2d80bfbe3_TextPercentage" hidden="1">
            <a:extLst>
              <a:ext uri="{FF2B5EF4-FFF2-40B4-BE49-F238E27FC236}">
                <a16:creationId xmlns:a16="http://schemas.microsoft.com/office/drawing/2014/main" id="{7854D91E-7692-4229-92C3-FF67537F30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0" name="OTLSHAPE_SLT_beca7fdc1bd8449f85f97be2d80bfbe3_StartDate" hidden="1">
            <a:extLst>
              <a:ext uri="{FF2B5EF4-FFF2-40B4-BE49-F238E27FC236}">
                <a16:creationId xmlns:a16="http://schemas.microsoft.com/office/drawing/2014/main" id="{D60C8035-7113-457A-9A64-537B1E11BF1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beca7fdc1bd8449f85f97be2d80bfbe3_EndDate" hidden="1">
            <a:extLst>
              <a:ext uri="{FF2B5EF4-FFF2-40B4-BE49-F238E27FC236}">
                <a16:creationId xmlns:a16="http://schemas.microsoft.com/office/drawing/2014/main" id="{B2EA6EB7-0095-4E3E-8F0F-F1FAAA753B0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beca7fdc1bd8449f85f97be2d80bfbe3_JoinedDate">
            <a:extLst>
              <a:ext uri="{FF2B5EF4-FFF2-40B4-BE49-F238E27FC236}">
                <a16:creationId xmlns:a16="http://schemas.microsoft.com/office/drawing/2014/main" id="{DCD8CAC7-809B-4A84-89B6-EFF6F3288EB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83220" y="2754191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4 - Mar 12</a:t>
            </a:r>
          </a:p>
        </p:txBody>
      </p:sp>
      <p:sp>
        <p:nvSpPr>
          <p:cNvPr id="33" name="OTLSHAPE_SLT_beca7fdc1bd8449f85f97be2d80bfbe3_Title">
            <a:extLst>
              <a:ext uri="{FF2B5EF4-FFF2-40B4-BE49-F238E27FC236}">
                <a16:creationId xmlns:a16="http://schemas.microsoft.com/office/drawing/2014/main" id="{3B0CC658-9F36-4DC9-9FE0-070ABD70CEA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386450" y="2746444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ish timers and real-time simulation in python</a:t>
            </a:r>
          </a:p>
        </p:txBody>
      </p:sp>
      <p:sp>
        <p:nvSpPr>
          <p:cNvPr id="36" name="OTLSHAPE_SLT_51d2fa9f49584e6e88db3ee52edd6148_Duration" hidden="1">
            <a:extLst>
              <a:ext uri="{FF2B5EF4-FFF2-40B4-BE49-F238E27FC236}">
                <a16:creationId xmlns:a16="http://schemas.microsoft.com/office/drawing/2014/main" id="{14FC8D70-955D-4397-B3F1-98DA8C92BB4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1d2fa9f49584e6e88db3ee52edd6148_TextPercentage" hidden="1">
            <a:extLst>
              <a:ext uri="{FF2B5EF4-FFF2-40B4-BE49-F238E27FC236}">
                <a16:creationId xmlns:a16="http://schemas.microsoft.com/office/drawing/2014/main" id="{308C9AF5-826F-4C12-9D97-0EA4064A0E8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8" name="OTLSHAPE_SLT_51d2fa9f49584e6e88db3ee52edd6148_StartDate" hidden="1">
            <a:extLst>
              <a:ext uri="{FF2B5EF4-FFF2-40B4-BE49-F238E27FC236}">
                <a16:creationId xmlns:a16="http://schemas.microsoft.com/office/drawing/2014/main" id="{669E2E33-9796-483A-873E-6FF555DD04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1d2fa9f49584e6e88db3ee52edd6148_EndDate" hidden="1">
            <a:extLst>
              <a:ext uri="{FF2B5EF4-FFF2-40B4-BE49-F238E27FC236}">
                <a16:creationId xmlns:a16="http://schemas.microsoft.com/office/drawing/2014/main" id="{1DCDE030-020B-4789-ACF4-F2E82770CB9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1d2fa9f49584e6e88db3ee52edd6148_JoinedDate">
            <a:extLst>
              <a:ext uri="{FF2B5EF4-FFF2-40B4-BE49-F238E27FC236}">
                <a16:creationId xmlns:a16="http://schemas.microsoft.com/office/drawing/2014/main" id="{EF06569A-8FC0-4DB4-81F4-F3F370E919F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97384" y="298820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5 - Mar 12</a:t>
            </a:r>
          </a:p>
        </p:txBody>
      </p:sp>
      <p:sp>
        <p:nvSpPr>
          <p:cNvPr id="41" name="OTLSHAPE_SLT_51d2fa9f49584e6e88db3ee52edd6148_Title">
            <a:extLst>
              <a:ext uri="{FF2B5EF4-FFF2-40B4-BE49-F238E27FC236}">
                <a16:creationId xmlns:a16="http://schemas.microsoft.com/office/drawing/2014/main" id="{B7C0100C-B2C3-4BD9-8930-31CF430E6BF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386450" y="2980463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earn and implement Databases (PostgreSQL)</a:t>
            </a:r>
          </a:p>
        </p:txBody>
      </p:sp>
      <p:sp>
        <p:nvSpPr>
          <p:cNvPr id="44" name="OTLSHAPE_SLT_0ec47fe11915469090e09ef73e391620_Duration" hidden="1">
            <a:extLst>
              <a:ext uri="{FF2B5EF4-FFF2-40B4-BE49-F238E27FC236}">
                <a16:creationId xmlns:a16="http://schemas.microsoft.com/office/drawing/2014/main" id="{51E11DFB-2B13-40C8-BA65-3F79A4F7B37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0ec47fe11915469090e09ef73e391620_TextPercentage" hidden="1">
            <a:extLst>
              <a:ext uri="{FF2B5EF4-FFF2-40B4-BE49-F238E27FC236}">
                <a16:creationId xmlns:a16="http://schemas.microsoft.com/office/drawing/2014/main" id="{C72F1BF7-D606-46EC-B42C-97CD35310D5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6" name="OTLSHAPE_SLT_0ec47fe11915469090e09ef73e391620_StartDate" hidden="1">
            <a:extLst>
              <a:ext uri="{FF2B5EF4-FFF2-40B4-BE49-F238E27FC236}">
                <a16:creationId xmlns:a16="http://schemas.microsoft.com/office/drawing/2014/main" id="{6BAF18D3-E57E-4625-96BB-A17101CBA70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0ec47fe11915469090e09ef73e391620_EndDate" hidden="1">
            <a:extLst>
              <a:ext uri="{FF2B5EF4-FFF2-40B4-BE49-F238E27FC236}">
                <a16:creationId xmlns:a16="http://schemas.microsoft.com/office/drawing/2014/main" id="{79F26B82-5782-45DB-99C2-DB450861B0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0ec47fe11915469090e09ef73e391620_JoinedDate">
            <a:extLst>
              <a:ext uri="{FF2B5EF4-FFF2-40B4-BE49-F238E27FC236}">
                <a16:creationId xmlns:a16="http://schemas.microsoft.com/office/drawing/2014/main" id="{D959352A-39F6-4D63-A817-9AF3A575B5B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446306" y="329842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3 - Mar 20</a:t>
            </a:r>
          </a:p>
        </p:txBody>
      </p:sp>
      <p:sp>
        <p:nvSpPr>
          <p:cNvPr id="49" name="OTLSHAPE_SLT_0ec47fe11915469090e09ef73e391620_Title">
            <a:extLst>
              <a:ext uri="{FF2B5EF4-FFF2-40B4-BE49-F238E27FC236}">
                <a16:creationId xmlns:a16="http://schemas.microsoft.com/office/drawing/2014/main" id="{8B82AEDE-111D-41E4-AB51-24C2FAB1492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99760" y="3290681"/>
            <a:ext cx="461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ly timers and real-time simulation for Four tank system &amp; simple controllers</a:t>
            </a:r>
          </a:p>
        </p:txBody>
      </p:sp>
      <p:sp>
        <p:nvSpPr>
          <p:cNvPr id="52" name="OTLSHAPE_SLT_57cc251a1ef04d1190b4b1c7d974ea8c_Duration" hidden="1">
            <a:extLst>
              <a:ext uri="{FF2B5EF4-FFF2-40B4-BE49-F238E27FC236}">
                <a16:creationId xmlns:a16="http://schemas.microsoft.com/office/drawing/2014/main" id="{9E412C0E-D9C2-4D94-9B38-3A2E76D389D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57cc251a1ef04d1190b4b1c7d974ea8c_TextPercentage" hidden="1">
            <a:extLst>
              <a:ext uri="{FF2B5EF4-FFF2-40B4-BE49-F238E27FC236}">
                <a16:creationId xmlns:a16="http://schemas.microsoft.com/office/drawing/2014/main" id="{5AB717E2-F118-45B4-800E-E3B6140E574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4" name="OTLSHAPE_SLT_57cc251a1ef04d1190b4b1c7d974ea8c_StartDate" hidden="1">
            <a:extLst>
              <a:ext uri="{FF2B5EF4-FFF2-40B4-BE49-F238E27FC236}">
                <a16:creationId xmlns:a16="http://schemas.microsoft.com/office/drawing/2014/main" id="{FA6DE03D-1105-49E4-B226-9440C1F7D7D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57cc251a1ef04d1190b4b1c7d974ea8c_EndDate" hidden="1">
            <a:extLst>
              <a:ext uri="{FF2B5EF4-FFF2-40B4-BE49-F238E27FC236}">
                <a16:creationId xmlns:a16="http://schemas.microsoft.com/office/drawing/2014/main" id="{9AC60504-79F5-4042-8E9E-72386BADFB3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57cc251a1ef04d1190b4b1c7d974ea8c_JoinedDate">
            <a:extLst>
              <a:ext uri="{FF2B5EF4-FFF2-40B4-BE49-F238E27FC236}">
                <a16:creationId xmlns:a16="http://schemas.microsoft.com/office/drawing/2014/main" id="{591B9BD9-D722-4D0D-94BD-2B47AA64C6A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339051" y="353244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Apr 1</a:t>
            </a:r>
          </a:p>
        </p:txBody>
      </p:sp>
      <p:sp>
        <p:nvSpPr>
          <p:cNvPr id="57" name="OTLSHAPE_SLT_57cc251a1ef04d1190b4b1c7d974ea8c_Title">
            <a:extLst>
              <a:ext uri="{FF2B5EF4-FFF2-40B4-BE49-F238E27FC236}">
                <a16:creationId xmlns:a16="http://schemas.microsoft.com/office/drawing/2014/main" id="{D504BE84-6AD8-4DE3-8E12-5398D805645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69726" y="3524700"/>
            <a:ext cx="434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inear/Nonlinar MPC design and Kalman filter design (on real-time system)</a:t>
            </a:r>
          </a:p>
        </p:txBody>
      </p:sp>
      <p:sp>
        <p:nvSpPr>
          <p:cNvPr id="60" name="OTLSHAPE_SLT_998959fa01fc4513ab2f1c2dbe5f780c_Duration" hidden="1">
            <a:extLst>
              <a:ext uri="{FF2B5EF4-FFF2-40B4-BE49-F238E27FC236}">
                <a16:creationId xmlns:a16="http://schemas.microsoft.com/office/drawing/2014/main" id="{5C6AD428-E833-4AB2-9B61-F7D82892CE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998959fa01fc4513ab2f1c2dbe5f780c_TextPercentage" hidden="1">
            <a:extLst>
              <a:ext uri="{FF2B5EF4-FFF2-40B4-BE49-F238E27FC236}">
                <a16:creationId xmlns:a16="http://schemas.microsoft.com/office/drawing/2014/main" id="{C2028240-5F73-4CA5-BACD-A91925E21DA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2" name="OTLSHAPE_SLT_998959fa01fc4513ab2f1c2dbe5f780c_StartDate" hidden="1">
            <a:extLst>
              <a:ext uri="{FF2B5EF4-FFF2-40B4-BE49-F238E27FC236}">
                <a16:creationId xmlns:a16="http://schemas.microsoft.com/office/drawing/2014/main" id="{F7AA68EE-03D0-4C31-8790-F98B386D9B9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998959fa01fc4513ab2f1c2dbe5f780c_EndDate" hidden="1">
            <a:extLst>
              <a:ext uri="{FF2B5EF4-FFF2-40B4-BE49-F238E27FC236}">
                <a16:creationId xmlns:a16="http://schemas.microsoft.com/office/drawing/2014/main" id="{44F5761F-F944-41B3-8273-599EE2BC21A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998959fa01fc4513ab2f1c2dbe5f780c_JoinedDate">
            <a:extLst>
              <a:ext uri="{FF2B5EF4-FFF2-40B4-BE49-F238E27FC236}">
                <a16:creationId xmlns:a16="http://schemas.microsoft.com/office/drawing/2014/main" id="{69FE2CD7-EC93-401F-BEA6-42C49961747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852391" y="38426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2 - Apr 18</a:t>
            </a:r>
          </a:p>
        </p:txBody>
      </p:sp>
      <p:sp>
        <p:nvSpPr>
          <p:cNvPr id="65" name="OTLSHAPE_SLT_998959fa01fc4513ab2f1c2dbe5f780c_Title">
            <a:extLst>
              <a:ext uri="{FF2B5EF4-FFF2-40B4-BE49-F238E27FC236}">
                <a16:creationId xmlns:a16="http://schemas.microsoft.com/office/drawing/2014/main" id="{DF64BD24-A63C-477C-8354-A4A13E62051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610511" y="383491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Buffer</a:t>
            </a:r>
          </a:p>
        </p:txBody>
      </p:sp>
      <p:sp>
        <p:nvSpPr>
          <p:cNvPr id="68" name="OTLSHAPE_SLT_ad7eba8e9a6f44af97e1f87385f99c53_Duration" hidden="1">
            <a:extLst>
              <a:ext uri="{FF2B5EF4-FFF2-40B4-BE49-F238E27FC236}">
                <a16:creationId xmlns:a16="http://schemas.microsoft.com/office/drawing/2014/main" id="{727C9ED6-6F08-4E3C-8A8C-043F550C1F4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9" name="OTLSHAPE_SLT_ad7eba8e9a6f44af97e1f87385f99c53_TextPercentage" hidden="1">
            <a:extLst>
              <a:ext uri="{FF2B5EF4-FFF2-40B4-BE49-F238E27FC236}">
                <a16:creationId xmlns:a16="http://schemas.microsoft.com/office/drawing/2014/main" id="{F2D8EC82-5DA5-42EB-8407-507ACAC2F6C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0" name="OTLSHAPE_SLT_ad7eba8e9a6f44af97e1f87385f99c53_StartDate" hidden="1">
            <a:extLst>
              <a:ext uri="{FF2B5EF4-FFF2-40B4-BE49-F238E27FC236}">
                <a16:creationId xmlns:a16="http://schemas.microsoft.com/office/drawing/2014/main" id="{6C4B713C-5305-417A-B531-C7AC84D2DB6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1" name="OTLSHAPE_SLT_ad7eba8e9a6f44af97e1f87385f99c53_EndDate" hidden="1">
            <a:extLst>
              <a:ext uri="{FF2B5EF4-FFF2-40B4-BE49-F238E27FC236}">
                <a16:creationId xmlns:a16="http://schemas.microsoft.com/office/drawing/2014/main" id="{CFE3F013-EF8B-472B-B39C-27FD688B385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2" name="OTLSHAPE_SLT_ad7eba8e9a6f44af97e1f87385f99c53_JoinedDate">
            <a:extLst>
              <a:ext uri="{FF2B5EF4-FFF2-40B4-BE49-F238E27FC236}">
                <a16:creationId xmlns:a16="http://schemas.microsoft.com/office/drawing/2014/main" id="{468ED515-1518-49EE-97EF-172606A2B32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28787" y="40766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9 - Apr 29</a:t>
            </a:r>
          </a:p>
        </p:txBody>
      </p:sp>
      <p:sp>
        <p:nvSpPr>
          <p:cNvPr id="73" name="OTLSHAPE_SLT_ad7eba8e9a6f44af97e1f87385f99c53_Title">
            <a:extLst>
              <a:ext uri="{FF2B5EF4-FFF2-40B4-BE49-F238E27FC236}">
                <a16:creationId xmlns:a16="http://schemas.microsoft.com/office/drawing/2014/main" id="{682BDCEC-2A8F-41BC-93A7-E500B3638FB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866313" y="4068937"/>
            <a:ext cx="267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ystem identification (James Rawling method)</a:t>
            </a:r>
          </a:p>
        </p:txBody>
      </p:sp>
      <p:sp>
        <p:nvSpPr>
          <p:cNvPr id="76" name="OTLSHAPE_SLT_1fea382a82ac47889057794cd104d10e_Duration" hidden="1">
            <a:extLst>
              <a:ext uri="{FF2B5EF4-FFF2-40B4-BE49-F238E27FC236}">
                <a16:creationId xmlns:a16="http://schemas.microsoft.com/office/drawing/2014/main" id="{F6D3A144-8AAE-4D7E-8C99-F96CEB302F3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7" name="OTLSHAPE_SLT_1fea382a82ac47889057794cd104d10e_TextPercentage" hidden="1">
            <a:extLst>
              <a:ext uri="{FF2B5EF4-FFF2-40B4-BE49-F238E27FC236}">
                <a16:creationId xmlns:a16="http://schemas.microsoft.com/office/drawing/2014/main" id="{E341754B-45A9-422C-A46F-D971139DD34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8" name="OTLSHAPE_SLT_1fea382a82ac47889057794cd104d10e_StartDate" hidden="1">
            <a:extLst>
              <a:ext uri="{FF2B5EF4-FFF2-40B4-BE49-F238E27FC236}">
                <a16:creationId xmlns:a16="http://schemas.microsoft.com/office/drawing/2014/main" id="{640BD393-EC1F-4743-A24A-9AFED96C888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79" name="OTLSHAPE_SLT_1fea382a82ac47889057794cd104d10e_EndDate" hidden="1">
            <a:extLst>
              <a:ext uri="{FF2B5EF4-FFF2-40B4-BE49-F238E27FC236}">
                <a16:creationId xmlns:a16="http://schemas.microsoft.com/office/drawing/2014/main" id="{EC7A64C9-9F2A-45A2-9E4C-11CD1FE7A91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0" name="OTLSHAPE_SLT_1fea382a82ac47889057794cd104d10e_JoinedDate">
            <a:extLst>
              <a:ext uri="{FF2B5EF4-FFF2-40B4-BE49-F238E27FC236}">
                <a16:creationId xmlns:a16="http://schemas.microsoft.com/office/drawing/2014/main" id="{242EB559-8DC9-4EF3-9FB7-FB51883DE62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894767" y="431070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29 - May 9</a:t>
            </a:r>
          </a:p>
        </p:txBody>
      </p:sp>
      <p:sp>
        <p:nvSpPr>
          <p:cNvPr id="81" name="OTLSHAPE_SLT_1fea382a82ac47889057794cd104d10e_Title">
            <a:extLst>
              <a:ext uri="{FF2B5EF4-FFF2-40B4-BE49-F238E27FC236}">
                <a16:creationId xmlns:a16="http://schemas.microsoft.com/office/drawing/2014/main" id="{15DB1C48-6D4E-44E7-BFF8-78203389D3B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007951" y="4302955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uning of controllers</a:t>
            </a:r>
          </a:p>
        </p:txBody>
      </p:sp>
      <p:sp>
        <p:nvSpPr>
          <p:cNvPr id="84" name="OTLSHAPE_SLT_3f5d1b0bf86244c28264cbffa85bde66_Duration" hidden="1">
            <a:extLst>
              <a:ext uri="{FF2B5EF4-FFF2-40B4-BE49-F238E27FC236}">
                <a16:creationId xmlns:a16="http://schemas.microsoft.com/office/drawing/2014/main" id="{35A25E8F-8224-4B87-B011-6D0AE3B871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5" name="OTLSHAPE_SLT_3f5d1b0bf86244c28264cbffa85bde66_TextPercentage" hidden="1">
            <a:extLst>
              <a:ext uri="{FF2B5EF4-FFF2-40B4-BE49-F238E27FC236}">
                <a16:creationId xmlns:a16="http://schemas.microsoft.com/office/drawing/2014/main" id="{61907C29-B965-4F9F-9ED8-B92EF7DA96F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6" name="OTLSHAPE_SLT_3f5d1b0bf86244c28264cbffa85bde66_StartDate" hidden="1">
            <a:extLst>
              <a:ext uri="{FF2B5EF4-FFF2-40B4-BE49-F238E27FC236}">
                <a16:creationId xmlns:a16="http://schemas.microsoft.com/office/drawing/2014/main" id="{CFF416FF-65C2-4FCB-9D7A-4197ADA9A2D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7" name="OTLSHAPE_SLT_3f5d1b0bf86244c28264cbffa85bde66_EndDate" hidden="1">
            <a:extLst>
              <a:ext uri="{FF2B5EF4-FFF2-40B4-BE49-F238E27FC236}">
                <a16:creationId xmlns:a16="http://schemas.microsoft.com/office/drawing/2014/main" id="{3A5E6A67-F435-42C0-AF4B-025B404ED6E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88" name="OTLSHAPE_SLT_3f5d1b0bf86244c28264cbffa85bde66_JoinedDate">
            <a:extLst>
              <a:ext uri="{FF2B5EF4-FFF2-40B4-BE49-F238E27FC236}">
                <a16:creationId xmlns:a16="http://schemas.microsoft.com/office/drawing/2014/main" id="{3887EBC4-56D4-4992-8947-EF3D0191903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422824" y="462092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89" name="OTLSHAPE_SLT_3f5d1b0bf86244c28264cbffa85bde66_Title">
            <a:extLst>
              <a:ext uri="{FF2B5EF4-FFF2-40B4-BE49-F238E27FC236}">
                <a16:creationId xmlns:a16="http://schemas.microsoft.com/office/drawing/2014/main" id="{115A470B-097B-4118-9F58-0BB0BA23B72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980476" y="4613174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PC and implementation on real four tank system</a:t>
            </a:r>
          </a:p>
        </p:txBody>
      </p:sp>
      <p:sp>
        <p:nvSpPr>
          <p:cNvPr id="92" name="OTLSHAPE_SLT_701be0e65bad40a3b93fe2c63bf43b1b_Duration" hidden="1">
            <a:extLst>
              <a:ext uri="{FF2B5EF4-FFF2-40B4-BE49-F238E27FC236}">
                <a16:creationId xmlns:a16="http://schemas.microsoft.com/office/drawing/2014/main" id="{0324F9EF-DAE2-40D4-A427-21E0CD07EBF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3" name="OTLSHAPE_SLT_701be0e65bad40a3b93fe2c63bf43b1b_TextPercentage" hidden="1">
            <a:extLst>
              <a:ext uri="{FF2B5EF4-FFF2-40B4-BE49-F238E27FC236}">
                <a16:creationId xmlns:a16="http://schemas.microsoft.com/office/drawing/2014/main" id="{BFB001AA-C8BD-4C7F-8267-D1505375208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4" name="OTLSHAPE_SLT_701be0e65bad40a3b93fe2c63bf43b1b_StartDate" hidden="1">
            <a:extLst>
              <a:ext uri="{FF2B5EF4-FFF2-40B4-BE49-F238E27FC236}">
                <a16:creationId xmlns:a16="http://schemas.microsoft.com/office/drawing/2014/main" id="{683F1D4C-A71E-4978-9CC7-BD69DA62A9B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5" name="OTLSHAPE_SLT_701be0e65bad40a3b93fe2c63bf43b1b_EndDate" hidden="1">
            <a:extLst>
              <a:ext uri="{FF2B5EF4-FFF2-40B4-BE49-F238E27FC236}">
                <a16:creationId xmlns:a16="http://schemas.microsoft.com/office/drawing/2014/main" id="{14C13E98-9AE7-450D-8468-0A41AD4E729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701be0e65bad40a3b93fe2c63bf43b1b_JoinedDate">
            <a:extLst>
              <a:ext uri="{FF2B5EF4-FFF2-40B4-BE49-F238E27FC236}">
                <a16:creationId xmlns:a16="http://schemas.microsoft.com/office/drawing/2014/main" id="{EF9A003D-3C34-4F99-9371-EF827F1310A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921854" y="48549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97" name="OTLSHAPE_SLT_701be0e65bad40a3b93fe2c63bf43b1b_Title">
            <a:extLst>
              <a:ext uri="{FF2B5EF4-FFF2-40B4-BE49-F238E27FC236}">
                <a16:creationId xmlns:a16="http://schemas.microsoft.com/office/drawing/2014/main" id="{D3813DBD-7F77-4435-88EE-E73873926E3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1519555" y="484719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and i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388785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i4wMy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xLTA1LTMxVDIzOjU5OjAwIiwiRm9ybWF0IjoiTU1NIiwiVHlwZSI6MiwiQXV0b0RhdGVSYW5nZSI6dHJ1ZSwiV29ya2luZ0RheXMiOjMxLCJUb2RheU1hcmtlclRleHQiOiJUb2RheSIsIkF1dG9TY2FsZVR5cGUiOnRydWV9LCJNaWxlc3RvbmVzIjpbXSwiVGFza3MiOltdLCJTd2ltbGFuZXMiOlt7IiRpZCI6IjE2MyIsIklkIjoiODFlZTMyMDctZWIxYy00NDcxLTk1ZWQtOWEwMmY1OGIyNGRmIiwiSW5kZXgiOjAsIkhlYWRlclRleHQiOiIyLDMsNC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xNzAiLCJNYXJnaW4iOnsiJHJlZiI6IjE0MyJ9LCJQYWRkaW5nIjp7IiRyZWYiOiIxNDQifSwiQmFja2dyb3VuZCI6eyIkaWQiOiIxNzEiLCJDb2xvciI6eyIkaWQiOiIxNzIiLCJBIjoxMjcsIlIiOjY4LCJHIjo4NCwiQiI6MTA2fX0sIklzVmlzaWJsZSI6ZmFsc2UsIldpZHRoIjowLjAsIkhlaWdodCI6MC4wLCJCb3JkZXJTdHlsZSI6eyIkaWQiOiIxNzMiLCJMaW5lQ29sb3IiOnsiJGlkIjoiMTc0IiwiJHR5cGUiOiJOTFJFLkNvbW1vbi5Eb20uU29saWRDb2xvckJydXNoLCBOTFJFLkNvbW1vbiIsIkNvbG9yIjp7IiRpZCI6IjE3NSIsIkEiOjI1NSwiUiI6MjIsIkciOjI4LCJCIjoz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NzYiLCJNYXJnaW4iOnsiJHJlZiI6IjE1MyJ9LCJQYWRkaW5nIjp7IiRyZWYiOiIxNTQifSwiQmFja2dyb3VuZCI6eyIkaWQiOiIxNzciLCJDb2xvciI6eyIkaWQiOiIxNzgiLCJBIjozOCwiUiI6NjgsIkciOjg0LCJCIjoxMDZ9fSwiSXNWaXNpYmxlIjp0cnVlLCJXaWR0aCI6MC4wLCJIZWlnaHQiOjAuMCwiQm9yZGVyU3R5bGUiOnsiJGlkIjoiMTc5IiwiTGluZUNvbG9yIjp7IiRpZCI6IjE4MCIsIiR0eXBlIjoiTkxSRS5Db21tb24uRG9tLlNvbGlkQ29sb3JCcnVzaCwgTkxSRS5Db21tb24iLCJDb2xvciI6eyIkaWQiOiIxODEiLCJBIjoyNTUsIlIiOjIyLCJHIjoyOCwiQiI6Mz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gyIiwiX2F0dGFjaGVkTWlsZXN0b25lcyI6W10sIlRhc2tEZWZpbml0aW9uIjp7IiRpZCI6IjE4MyIsIkdyb3VwTmFtZSI6bnVsbCwiU3RhcnREYXRlIjoiMjAyMS0wMy0wNFQwMDowMDowMCIsIkVuZERhdGUiOiIyMDIxLTAzLTEyVDIzOjU5OjAwIiwiUGVyY2VudGFnZUNvbXBsZXRlIjpudWxsLCJTdHlsZSI6eyIkaWQiOiIxODQiLCJTaGFwZSI6MS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g5In0sIklzVmlzaWJsZSI6dHJ1ZSwiV2lkdGgiOjAuMCwiSGVpZ2h0IjowLjAsIkJvcmRlclN0eWxlIjp7IiRpZCI6IjE4OSIsIkxpbmVDb2xvciI6bnVsbCwiTGluZVdlaWdodCI6MC4wLCJMaW5lVHlwZSI6MCwiUGFyZW50U3R5bGUiOm51bGx9LCJQYXJlbnRTdHlsZSI6bnVsbH0sIkR1cmF0aW9u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ODk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kzIn1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HJlZiI6Ijk2In0sIklzVmlzaWJsZSI6dHJ1ZSwiV2lkdGgiOjAuMCwiSGVpZ2h0IjowLjAsIkJvcmRlclN0eWxlIjp7IiRpZCI6IjIzMSIsIkxpbmVDb2xvciI6bnVsbCwiTGluZVdlaWdodCI6MC4wLCJMaW5lVHlwZSI6MCwiUGFyZW50U3R5bGUiOm51bGx9LCJQYXJlbnRTdHlsZSI6bnVsbH0sIkhvcml6b250YWxDb25uZWN0b3JTdHlsZSI6eyIkaWQiOiIyMzIiLCJMaW5lQ29sb3IiOnsiJHJlZiI6Ijk4In0sIkxpbmVXZWlnaHQiOjEuMCwiTGluZVR5cGUiOjAsIlBhcmVudFN0eWxlIjpudWxsfSwiVmVydGljYWxDb25uZWN0b3JTdHlsZSI6eyIkaWQiOiIyMzM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cmVmIjoiMTIxIn19LCJNYXhXaWR0aCI6MjAwLjAsIk1heEhlaWdodCI6IkluZmluaXR5IiwiU21hcnRGb3JlZ3JvdW5kSXNBY3RpdmUiOmZhbHNlLCJIb3Jpem9udGFsQWxpZ25tZW50Ijoy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EyNCJ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I2MSIsIk1hcmdpbiI6eyIkcmVmIjoiMTQzIn0sIlBhZGRpbmciOnsiJHJlZiI6IjE0NCJ9LCJCYWNrZ3JvdW5kIjp7IiRpZCI6IjI2MiIsIkNvbG9yIjp7IiRpZCI6IjI2MyIsIkEiOjEyNywiUiI6NjgsIkciOjExNCwiQiI6MTk2fX0sIklzVmlzaWJsZSI6ZmFsc2UsIldpZHRoIjowLjAsIkhlaWdodCI6MC4wLCJCb3JkZXJTdHlsZSI6eyIkaWQiOiIyNjQiLCJMaW5lQ29sb3IiOnsiJGlkIjoiMjY1IiwiJHR5cGUiOiJOTFJFLkNvbW1vbi5Eb20uU29saWRDb2xvckJydXNoLCBOTFJFLkNvbW1vbiIsIkNvbG9yIjp7IiRpZCI6IjI2NiIsIkEiOjI1NSwiUiI6MjEsIkciOjM3LCJCIjo2Nn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yNjciLCJNYXJnaW4iOnsiJHJlZiI6IjE1MyJ9LCJQYWRkaW5nIjp7IiRyZWYiOiIxNTQifSwiQmFja2dyb3VuZCI6eyIkaWQiOiIyNjgiLCJDb2xvciI6eyIkaWQiOiIyNjkiLCJBIjozOCwiUiI6NjgsIkciOjExNCwiQiI6MTk2fX0sIklzVmlzaWJsZSI6dHJ1ZSwiV2lkdGgiOjAuMCwiSGVpZ2h0IjowLjAsIkJvcmRlclN0eWxlIjp7IiRpZCI6IjI3MCIsIkxpbmVDb2xvciI6eyIkaWQiOiIyNzEiLCIkdHlwZSI6Ik5MUkUuQ29tbW9uLkRvbS5Tb2xpZENvbG9yQnJ1c2gsIE5MUkUuQ29tbW9uIiwiQ29sb3IiOnsiJGlkIjoiMjcyIiwiQSI6MjU1LCJSIjoyMSwiRyI6MzcsIkIiOjY2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I3MyIsIl9hdHRhY2hlZE1pbGVzdG9uZXMiOltdLCJUYXNrRGVmaW5pdGlvbiI6eyIkaWQiOiIyNzQiLCJHcm91cE5hbWUiOm51bGwsIlN0YXJ0RGF0ZSI6IjIwMjEtMDMtMTNUMDA6MDA6MDAiLCJFbmREYXRlIjoiMjAyMS0wMy0yMFQyMzo1OTowMCIsIlBlcmNlbnRhZ2VDb21wbGV0ZSI6bnVsbCwiU3R5bGUiOnsiJGlkIjoiMjc1IiwiU2hhcGUiOjEsIlNoYXBlVGhpY2tuZXNzIjow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OTYifSwiSXNWaXNpYmxlIjp0cnVlLCJXaWR0aCI6MC4wLCJIZWlnaHQiOjAuMCwiQm9yZGVyU3R5bGUiOnsiJGlkIjoiMjg2IiwiTGluZUNvbG9yIjpudWxsLCJMaW5lV2VpZ2h0IjowLjAsIkxpbmVUeXBlIjowLCJQYXJlbnRTdHlsZSI6bnVsbH0sIlBhcmVudFN0eWxlIjpudWxsfSwiSG9yaXpvbnRhbENvbm5lY3RvclN0eWxlIjp7IiRpZCI6IjI4NyIsIkxpbmVDb2xvciI6eyIkcmVmIjoiOTgifSwiTGluZVdlaWdodCI6MS4wLCJMaW5lVHlwZSI6MCwiUGFyZW50U3R5bGUiOm51bGx9LCJWZXJ0aWNhbENvbm5lY3RvclN0eWxlIjp7IiRpZCI6IjI4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g5In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5MyJ9fSwiTWF4V2lkdGgiOjIwMC4wLCJNYXhIZWlnaHQiOiJJbmZpbml0eSIsIlNtYXJ0Rm9yZWdyb3VuZElzQWN0aXZlIjpmYWxzZSwiSG9yaXpvbnRhbEFsaWdubWVudCI6MCwiVmVydGljYWxBbGlnbm1lbnQiOjAsIlNtYXJ0Rm9yZWdyb3VuZCI6bnVsbCwiQmFja2dyb3VuZEZpbGxUeXBlIjowLCJNYXJnaW4iOnsiJGlkIjoiMzIwIiwiVG9wIjowLCJMZWZ0IjowLCJSaWdodCI6MCwiQm90dG9tIjowfSwiUGFkZGluZyI6eyIkaWQiOiIzMjEiLCJUb3AiOjAsIkxlZnQiOjAsIlJpZ2h0IjowLCJCb3R0b20iOjB9LCJCYWNrZ3JvdW5kIjp7IiRyZWYiOiI5Ni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5OCJ9LCJMaW5lV2VpZ2h0IjoxLjAsIkxpbmVUeXBlIjowLCJQYXJlbnRTdHlsZSI6bnVsbH0sIlZlcnRpY2FsQ29ubmVjdG9yU3R5bGUiOnsiJGlkIjoiMzI0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xMTci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k2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k4In0sIkxpbmVXZWlnaHQiOjEuMCwiTGluZVR5cGUiOjAsIlBhcmVudFN0eWxlIjpudWxsfSwiVmVydGljYWxDb25uZWN0b3JTdHlsZSI6eyIkaWQiOiIzNj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YxIiwiTWFyZ2luIjp7IiRpZCI6IjM2MiIsIlRvcCI6MCwiTGVmdCI6NCwiUmlnaHQiOjQsIkJvdHRvbSI6MH0sIlBhZGRpbmciOnsiJGlkIjoiMzYzIiwiVG9wIjowLCJMZWZ0IjowLCJSaWdodCI6MCwiQm90dG9tIjowfSwiQmFja2dyb3VuZCI6eyIkaWQiOiIzNjQiLCJDb2xvciI6eyIkaWQiOiIzNjUiLCJBIjoyNTUsIlIiOjI2LCJHIjoxNzAsIkIiOjY2fX0sIklzVmlzaWJsZSI6dHJ1ZSwiV2lkdGgiOjAuMCwiSGVpZ2h0IjoxMC4wLCJCb3JkZXJTdHlsZSI6eyIkaWQiOiIzNjYiLCJMaW5lQ29sb3IiOnsiJHJlZiI6IjEwOSJ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aWQiOiIzNjkiLCJDb2xvciI6eyIkcmVmIjoiMTE0In19LCJNYXhXaWR0aCI6OTY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ExNyJ9LCJJc1Zpc2libGUiOnRydWUsIldpZHRoIjowLjAsIkhlaWdodCI6MC4wLCJCb3JkZXJTdHlsZSI6eyIkaWQiOiIzNzIiLCJMaW5lQ29sb3IiOm51bGwsIkxpbmVXZWlnaHQiOjAuMCwiTGluZVR5cGUiOjAsIlBhcmVudFN0eWxlIjpudWxsfS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zODgiLCJNYXJnaW4iOnsiJHJlZiI6IjE0MyJ9LCJQYWRkaW5nIjp7IiRyZWYiOiIxNDQifSwiQmFja2dyb3VuZCI6eyIkaWQiOiIzODkiLCJDb2xvciI6eyIkaWQiOiIzOTAiLCJBIjoxMjcsIlIiOjIzNywiRyI6MTI1LCJCIjo0OX19LCJJc1Zpc2libGUiOmZhbHNlLCJXaWR0aCI6MC4wLCJIZWlnaHQiOjAuMCwiQm9yZGVyU3R5bGUiOnsiJGlkIjoiMzkxIiwiTGluZUNvbG9yIjp7IiRpZCI6IjM5MiIsIiR0eXBlIjoiTkxSRS5Db21tb24uRG9tLlNvbGlkQ29sb3JCcnVzaCwgTkxSRS5Db21tb24iLCJDb2xvciI6eyIkaWQiOiIzOTMiLCJBIjoyNTUsIlIiOjg4LCJHIjozOSwiQiI6N3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zOTQiLCJNYXJnaW4iOnsiJHJlZiI6IjE1MyJ9LCJQYWRkaW5nIjp7IiRyZWYiOiIxNTQifSwiQmFja2dyb3VuZCI6eyIkaWQiOiIzOTUiLCJDb2xvciI6eyIkaWQiOiIzOTYiLCJBIjozOCwiUiI6MjM3LCJHIjoxMjUsIkIiOjQ5fX0sIklzVmlzaWJsZSI6dHJ1ZSwiV2lkdGgiOjAuMCwiSGVpZ2h0IjowLjAsIkJvcmRlclN0eWxlIjp7IiRpZCI6IjM5NyIsIkxpbmVDb2xvciI6eyIkaWQiOiIzOTgiLCIkdHlwZSI6Ik5MUkUuQ29tbW9uLkRvbS5Tb2xpZENvbG9yQnJ1c2gsIE5MUkUuQ29tbW9uIiwiQ29sb3IiOnsiJGlkIjoiMzk5IiwiQSI6MjU1LCJSIjo4OCwiRyI6MzksIkIiOjd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DAwIiwiX2F0dGFjaGVkTWlsZXN0b25lcyI6W10sIlRhc2tEZWZpbml0aW9uIjp7IiRpZCI6IjQwMSIsIkdyb3VwTmFtZSI6bnVsbCwiU3RhcnREYXRlIjoiMjAyMS0wNC0wMlQwMDowMDowMCIsIkVuZERhdGUiOiIyMDIxLTA0LTE4VDIzOjU5OjAwIiwiUGVyY2VudGFnZUNvbXBsZXRlIjpudWxsLCJTdHlsZSI6eyIkaWQiOiI0MDIiLCJTaGFwZSI6NiwiU2hhcGVUaGlja25lc3MiOjAsIkR1cmF0aW9uRm9ybWF0IjowLCJJbmNsdWRlTm9uV29ya2luZ0RheXNJbkR1cmF0aW9uIjpmYWxzZSwiUGVyY2VudGFnZUNvbXBsZXRlU3R5bGUiOnsiJGlkIjoiNDAzIiwiRm9udFNldHRpbmdzIjp7IiRpZCI6IjQ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yZWYiOiI5NiJ9LCJJc1Zpc2libGUiOnRydWUsIldpZHRoIjowLjAsIkhlaWdodCI6MC4wLCJCb3JkZXJTdHlsZSI6eyIkaWQiOiI0MTMiLCJMaW5lQ29sb3IiOm51bGwsIkxpbmVXZWlnaHQiOjAuMCwiTGluZVR5cGUiOjAsIlBhcmVudFN0eWxlIjpudWxsfSwiUGFyZW50U3R5bGUiOm51bGx9LCJIb3Jpem9udGFsQ29ubmVjdG9yU3R5bGUiOnsiJGlkIjoiNDE0IiwiTGluZUNvbG9yIjp7IiRyZWYiOiI5OCJ9LCJMaW5lV2VpZ2h0IjoxLjAsIkxpbmVUeXBlIjowLCJQYXJlbnRTdHlsZSI6bnVsbH0sIlZlcnRpY2FsQ29ubmVjdG9yU3R5bGUiOnsiJGlkIjoiNDE1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HJlZiI6IjExN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xMjEifX0sIk1heFdpZHRoIjoyMDAuMCwiTWF4SGVpZ2h0IjoiSW5maW5pdHkiLCJTbWFydEZvcmVncm91bmRJc0FjdGl2ZSI6ZmFsc2UsIkhvcml6b250YWxBbGlnbm1lbnQiOjIsIlZlcnRpY2FsQWxpZ25tZW50IjowLCJTbWFydEZvcmVncm91bmQiOm51bGwsIkJhY2tncm91bmRGaWxsVHlwZSI6MCwiTWFyZ2luIjp7IiRpZCI6IjQzMSIsIlRvcCI6MCwiTGVmdCI6MCwiUmlnaHQiOjAsIkJvdHRvbSI6MH0sIlBhZGRpbmciOnsiJGlkIjoiNDMyIiwiVG9wIjowLCJMZWZ0IjowLCJSaWdodCI6MCwiQm90dG9tIjowfSwiQmFja2dyb3VuZCI6eyIkcmVmIjoiMTI0In0sIklzVmlzaWJsZSI6dHJ1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5Ni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CJ9LCJMaW5lV2VpZ2h0IjoxLjAsIkxpbmVUeXBlIjowLCJQYXJlbnRTdHlsZSI6bnVsbH0sIlZlcnRpY2FsQ29ubmVjdG9yU3R5bGUiOnsiJGlkIjoiNDUx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NzciLCJUb3AiOjAsIkxlZnQiOjAsIlJpZ2h0IjowLCJCb3R0b20iOjB9LCJQYWRkaW5nIjp7IiRpZCI6IjQ3OCIsIlRvcCI6MCwiTGVmdCI6MCwiUmlnaHQiOjAsIkJvdHRvbSI6MH0sIkJhY2tncm91bmQiOnsiJHJlZiI6Ijg5In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5My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5NiJ9LCJJc1Zpc2libGUiOnRydWUsIldpZHRoIjowLjAsIkhlaWdodCI6MC4wLCJCb3JkZXJTdHlsZSI6eyIkaWQiOiI0ODUiLCJMaW5lQ29sb3IiOm51bGwsIkxpbmVXZWlnaHQiOjAuMCwiTGluZVR5cGUiOjAsIlBhcmVudFN0eWxlIjpudWxsfSwiUGFyZW50U3R5bGUiOm51bGx9LCJIb3Jpem9udGFsQ29ubmVjdG9yU3R5bGUiOnsiJGlkIjoiNDg2IiwiTGluZUNvbG9yIjp7IiRyZWYiOiI5OCJ9LCJMaW5lV2VpZ2h0IjoxLjAsIkxpbmVUeXBlIjowLCJQYXJlbnRTdHlsZSI6bnVsbH0sIlZlcnRpY2FsQ29ubmVjdG9yU3R5bGUiOnsiJGlkIjoiNDg3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4OCIsIk1hcmdpbiI6eyIkaWQiOiI0ODkiLCJUb3AiOjAsIkxlZnQiOjQsIlJpZ2h0Ijo0LCJCb3R0b20iOjB9LCJQYWRkaW5nIjp7IiRpZCI6IjQ5MCIsIlRvcCI6MCwiTGVmdCI6MCwiUmlnaHQiOjAsIkJvdHRvbSI6MH0sIkJhY2tncm91bmQiOnsiJGlkIjoiNDkxIiwiQ29sb3IiOnsiJGlkIjoiNDkyIiwiQSI6MjU1LCJSIjoyNiwiRyI6MTcwLCJCIjo2Nn19LCJJc1Zpc2libGUiOnRydWUsIldpZHRoIjowLjAsIkhlaWdodCI6MTAuMCwiQm9yZGVyU3R5bGUiOnsiJGlkIjoiNDkzIiwiTGluZUNvbG9yIjp7IiRyZWYiOiIxMDkifS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AsIkZvcmVncm91bmQiOnsiJGlkIjoiNDk2IiwiQ29sb3IiOnsiJHJlZiI6IjExNCJ9fSwiTWF4V2lkdGgiOjk2MC4wLCJNYXhIZWlnaHQiOiJJbmZpbml0eSIsIlNtYXJ0Rm9yZWdyb3VuZElzQWN0aXZlIjpmYWxzZSwiSG9yaXpvbnRhbEFsaWdubWVudCI6MCwiVmVydGljYWxBbGlnbm1lbnQiOjAsIlNtYXJ0Rm9yZWdyb3VuZCI6bnVsbCwiQmFja2dyb3VuZEZpbGxUeXBlIjowLCJNYXJnaW4iOnsiJGlkIjoiNDk3IiwiVG9wIjowLCJMZWZ0IjowLCJSaWdodCI6MCwiQm90dG9tIjowfSwiUGFkZGluZyI6eyIkaWQiOiI0OTgiLCJUb3AiOjAsIkxlZnQiOjAsIlJpZ2h0IjowLCJCb3R0b20iOjB9LCJCYWNrZ3JvdW5kIjp7IiRyZWYiOiIxMTci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CwiRm9yZWdyb3VuZCI6eyIkaWQiOiI1MDIiLCJDb2xvciI6eyIkcmVmIjoiMTIxIn19LCJNYXhXaWR0aCI6MjAwLjAsIk1heEhlaWdodCI6IkluZmluaXR5IiwiU21hcnRGb3JlZ3JvdW5kSXNBY3RpdmUiOmZhbHNlLCJIb3Jpem9udGFsQWxpZ25tZW50IjoyLCJWZXJ0aWNhbEFsaWdubWVudCI6MCwiU21hcnRGb3JlZ3JvdW5kIjpudWxsLCJCYWNrZ3JvdW5kRmlsbFR5cGUiOjAsIk1hcmdpbiI6eyIkaWQiOiI1MDMiLCJUb3AiOjAsIkxlZnQiOjAsIlJpZ2h0IjowLCJCb3R0b20iOjB9LCJQYWRkaW5nIjp7IiRpZCI6IjUwNCIsIlRvcCI6MCwiTGVmdCI6MCwiUmlnaHQiOjAsIkJvdHRvbSI6MH0sIkJhY2tncm91bmQiOnsiJHJlZiI6IjEyNCJ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UxNSIsIk1hcmdpbiI6eyIkcmVmIjoiMTQzIn0sIlBhZGRpbmciOnsiJHJlZiI6IjE0NCJ9LCJCYWNrZ3JvdW5kIjp7IiRpZCI6IjUxNiIsIkNvbG9yIjp7IiRpZCI6IjUxNyIsIkEiOjEyNywiUiI6MTY1LCJHIjoxNjUsIkIiOjE2NX19LCJJc1Zpc2libGUiOmZhbHNlLCJXaWR0aCI6MC4wLCJIZWlnaHQiOjAuMCwiQm9yZGVyU3R5bGUiOnsiJGlkIjoiNTE4IiwiTGluZUNvbG9yIjp7IiRpZCI6IjUxOSIsIiR0eXBlIjoiTkxSRS5Db21tb24uRG9tLlNvbGlkQ29sb3JCcnVzaCwgTkxSRS5Db21tb24iLCJDb2xvciI6eyIkaWQiOiI1MjAiLCJBIjoyNTUsIlIiOjU1LCJHIjo1NSwiQiI6NTV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TIxIiwiTWFyZ2luIjp7IiRyZWYiOiIxNTMifSwiUGFkZGluZyI6eyIkcmVmIjoiMTU0In0sIkJhY2tncm91bmQiOnsiJGlkIjoiNTIyIiwiQ29sb3IiOnsiJGlkIjoiNTIzIiwiQSI6MzgsIlIiOjE2NSwiRyI6MTY1LCJCIjoxNjV9fSwiSXNWaXNpYmxlIjp0cnVlLCJXaWR0aCI6MC4wLCJIZWlnaHQiOjAuMCwiQm9yZGVyU3R5bGUiOnsiJGlkIjoiNTI0IiwiTGluZUNvbG9yIjp7IiRpZCI6IjUyNSIsIiR0eXBlIjoiTkxSRS5Db21tb24uRG9tLlNvbGlkQ29sb3JCcnVzaCwgTkxSRS5Db21tb24iLCJDb2xvciI6eyIkaWQiOiI1MjYiLCJBIjoyNTUsIlIiOjU1LCJHIjo1NSwiQiI6NT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TI3IiwiX2F0dGFjaGVkTWlsZXN0b25lcyI6W10sIlRhc2tEZWZpbml0aW9uIjp7IiRpZCI6IjUyOCIsIkdyb3VwTmFtZSI6bnVsbCwiU3RhcnREYXRlIjoiMjAyMS0wNC0zMFQwMDowMDowMCIsIkVuZERhdGUiOiIyMDIxLTA0LTMwVDIzOjU5OjAwIiwiUGVyY2VudGFnZUNvbXBsZXRlIjpudWxsLCJTdHlsZSI6eyIkaWQiOiI1MjkiLCJTaGFwZSI6MSwiU2hhcGVUaGlja25lc3MiOjAsIkR1cmF0aW9uRm9ybWF0IjowLCJJbmNsdWRlTm9uV29ya2luZ0RheXNJbkR1cmF0aW9uIjpmYWxzZSwiUGVyY2VudGFnZUNvbXBsZXRlU3R5bGUiOnsiJGlkIjoiNTMwIiwiRm9udFNldHRpbmdzIjp7IiRpZCI6IjUz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5NiJ9LCJJc1Zpc2libGUiOnRydWUsIldpZHRoIjowLjAsIkhlaWdodCI6MC4wLCJCb3JkZXJTdHlsZSI6eyIkaWQiOiI1NDAiLCJMaW5lQ29sb3IiOm51bGwsIkxpbmVXZWlnaHQiOjAuMCwiTGluZVR5cGUiOjAsIlBhcmVudFN0eWxlIjpudWxsfSwiUGFyZW50U3R5bGUiOm51bGx9LCJIb3Jpem9udGFsQ29ubmVjdG9yU3R5bGUiOnsiJGlkIjoiNTQxIiwiTGluZUNvbG9yIjp7IiRyZWYiOiI5OCJ9LCJMaW5lV2VpZ2h0IjoxLjAsIkxpbmVUeXBlIjowLCJQYXJlbnRTdHlsZSI6bnVsbH0sIlZlcnRpY2FsQ29ubmVjdG9yU3R5bGUiOnsiJGlkIjoiNTQy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AzIiwiVXNlVGltZSI6ZmFsc2UsIldvcmtEYXlTdGFydCI6IjAwOjAwOjAwIiwiV29ya0RheUVuZCI6IjIzOjU5OjAwIn0sIkxhc3RVc2VkVGVtcGxhdGVJZCI6ImNjMjZmODYzLTI3Y2UtNDgwZS1hNTg5LWIzZjEyZjJkNmViMC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</TotalTime>
  <Words>118</Words>
  <Application>Microsoft Office PowerPoint</Application>
  <PresentationFormat>Widescreen</PresentationFormat>
  <Paragraphs>30</Paragraphs>
  <Slides>2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-tema</vt:lpstr>
      <vt:lpstr>Gantt chart for AAPC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antt chart for AAPC</dc:title>
  <dc:creator>45427</dc:creator>
  <cp:lastModifiedBy>45427</cp:lastModifiedBy>
  <cp:revision>3</cp:revision>
  <dcterms:created xsi:type="dcterms:W3CDTF">2021-03-05T08:31:27Z</dcterms:created>
  <dcterms:modified xsi:type="dcterms:W3CDTF">2021-03-05T09:00:03Z</dcterms:modified>
</cp:coreProperties>
</file>